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étant donné qu'il s'agit d'un nouveau serveur DHIS2, aucun ensemble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Saisissons comme nom RMNCAH. Ensuite, défilez jusqu'au champ des groupes d'indicateurs et ajoutez les deux groupes d'indicateurs à la case sélectionnée.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